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6BA4CB"/>
    <a:srgbClr val="2DB4FF"/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>
        <p:scale>
          <a:sx n="100" d="100"/>
          <a:sy n="100" d="100"/>
        </p:scale>
        <p:origin x="876" y="28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5.5952411650693895E-2"/>
          <c:y val="6.0766015433610973E-2"/>
          <c:w val="0.47641606493587824"/>
          <c:h val="0.86631476604605584"/>
        </c:manualLayout>
      </c:layout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Shareholders</c:v>
                </c:pt>
              </c:strCache>
            </c:strRef>
          </c:tx>
          <c:spPr>
            <a:solidFill>
              <a:schemeClr val="accent1"/>
            </a:solidFill>
          </c:spPr>
          <c:dPt>
            <c:idx val="0"/>
            <c:bubble3D val="0"/>
            <c:spPr>
              <a:solidFill>
                <a:srgbClr val="6BA4CB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2A8A-42CC-AC28-A130AD4BB8D8}"/>
              </c:ext>
            </c:extLst>
          </c:dPt>
          <c:dPt>
            <c:idx val="1"/>
            <c:bubble3D val="0"/>
            <c:spPr>
              <a:solidFill>
                <a:schemeClr val="bg2">
                  <a:lumMod val="60000"/>
                  <a:lumOff val="4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2A8A-42CC-AC28-A130AD4BB8D8}"/>
              </c:ext>
            </c:extLst>
          </c:dPt>
          <c:dPt>
            <c:idx val="2"/>
            <c:bubble3D val="0"/>
            <c:spPr>
              <a:solidFill>
                <a:schemeClr val="bg2">
                  <a:lumMod val="20000"/>
                  <a:lumOff val="8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2-2A8A-42CC-AC28-A130AD4BB8D8}"/>
              </c:ext>
            </c:extLst>
          </c:dPt>
          <c:dLbls>
            <c:spPr>
              <a:noFill/>
              <a:ln cap="flat">
                <a:noFill/>
              </a:ln>
              <a:effectLst>
                <a:glow rad="127000">
                  <a:schemeClr val="bg1"/>
                </a:glow>
              </a:effectLst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300" b="0" i="0" u="none" strike="noStrike" kern="1200" baseline="0">
                    <a:solidFill>
                      <a:schemeClr val="bg2">
                        <a:lumMod val="50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ctr"/>
            <c:showLegendKey val="0"/>
            <c:showVal val="1"/>
            <c:showCatName val="0"/>
            <c:showSerName val="0"/>
            <c:showPercent val="0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4</c:f>
              <c:strCache>
                <c:ptCount val="3"/>
                <c:pt idx="0">
                  <c:v>Happy Family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B$2:$B$4</c:f>
              <c:numCache>
                <c:formatCode>0%</c:formatCode>
                <c:ptCount val="3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2A8A-42CC-AC28-A130AD4BB8D8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</c:pieChart>
      <c:spPr>
        <a:noFill/>
        <a:ln>
          <a:noFill/>
        </a:ln>
        <a:effectLst/>
      </c:spPr>
    </c:plotArea>
    <c:legend>
      <c:legendPos val="r"/>
      <c:layout>
        <c:manualLayout>
          <c:xMode val="edge"/>
          <c:yMode val="edge"/>
          <c:x val="0.59500434951239678"/>
          <c:y val="0.31858569252204799"/>
          <c:w val="0.3047437313606422"/>
          <c:h val="0.35067541186918177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>
          <a:xfrm>
            <a:off x="795528" y="1115568"/>
            <a:ext cx="9423858" cy="365760"/>
          </a:xfrm>
        </p:spPr>
        <p:txBody>
          <a:bodyPr/>
          <a:lstStyle/>
          <a:p>
            <a:r>
              <a:rPr lang="en-US" sz="1600"/>
              <a:t>A top beverage company in Singapore and Malaysia, with ambitions for broader expansion.</a:t>
            </a:r>
            <a:endParaRPr lang="en-AU" sz="1400" dirty="0"/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85687" y="1848095"/>
            <a:ext cx="4279392" cy="2261625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Headquarters: Singapore.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Country: Singapore, Malaysia, China, and expand to Cambodi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Operation: manufacturing, distribution, and direct sales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Products: beer, spirits (vodka and tequila), and non-alcoholic beverages (soft drinks, tea, water, and functional drinks).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Key strengths: premium spirits, top positions in beer and spirits in Singapore and Malaysia, and expansion plans in China and Cambodia.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Competitors: Spirit Bay, Hipsters' Ale, and Brew Co in various Asian countries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Industry trends: Growing beer market, healthy drink focus, and rising demand for tea and premium beers in Asia.</a:t>
            </a:r>
          </a:p>
          <a:p>
            <a:pPr marL="0" lvl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AU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85687" y="1440179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85687" y="4290051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576469" y="4277831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 Task 2 – Notes on </a:t>
            </a:r>
            <a:r>
              <a:rPr lang="en-AU" sz="800" dirty="0" err="1">
                <a:solidFill>
                  <a:schemeClr val="tx2"/>
                </a:solidFill>
                <a:latin typeface="Arial" panose="020B0604020202020204" pitchFamily="34" charset="0"/>
              </a:rPr>
              <a:t>HappyHour</a:t>
            </a: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 Co. v3.docx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588886" y="1440179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94F47A3B-43B2-92EA-9879-0D4009757171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634183687"/>
              </p:ext>
            </p:extLst>
          </p:nvPr>
        </p:nvGraphicFramePr>
        <p:xfrm>
          <a:off x="537951" y="4515094"/>
          <a:ext cx="3800426" cy="208998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85D74CC0-911D-8EEF-2C21-A32643F5DF5B}"/>
              </a:ext>
            </a:extLst>
          </p:cNvPr>
          <p:cNvSpPr txBox="1"/>
          <p:nvPr/>
        </p:nvSpPr>
        <p:spPr>
          <a:xfrm>
            <a:off x="2446572" y="6062112"/>
            <a:ext cx="2897747" cy="38517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900" b="0" i="0" dirty="0">
                <a:solidFill>
                  <a:schemeClr val="tx2"/>
                </a:solidFill>
                <a:latin typeface="Arial"/>
              </a:rPr>
              <a:t>The majority owner and co-founder, Ms. Happy, is considering selling the company due to retirement.</a:t>
            </a:r>
          </a:p>
        </p:txBody>
      </p:sp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239830C7-03A3-85AC-E665-AE98C1C3242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20455247"/>
              </p:ext>
            </p:extLst>
          </p:nvPr>
        </p:nvGraphicFramePr>
        <p:xfrm>
          <a:off x="5588886" y="1737360"/>
          <a:ext cx="4254558" cy="242316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026256">
                  <a:extLst>
                    <a:ext uri="{9D8B030D-6E8A-4147-A177-3AD203B41FA5}">
                      <a16:colId xmlns:a16="http://schemas.microsoft.com/office/drawing/2014/main" val="2730473584"/>
                    </a:ext>
                  </a:extLst>
                </a:gridCol>
                <a:gridCol w="753711">
                  <a:extLst>
                    <a:ext uri="{9D8B030D-6E8A-4147-A177-3AD203B41FA5}">
                      <a16:colId xmlns:a16="http://schemas.microsoft.com/office/drawing/2014/main" val="194873461"/>
                    </a:ext>
                  </a:extLst>
                </a:gridCol>
                <a:gridCol w="740936">
                  <a:extLst>
                    <a:ext uri="{9D8B030D-6E8A-4147-A177-3AD203B41FA5}">
                      <a16:colId xmlns:a16="http://schemas.microsoft.com/office/drawing/2014/main" val="3554392938"/>
                    </a:ext>
                  </a:extLst>
                </a:gridCol>
                <a:gridCol w="733655">
                  <a:extLst>
                    <a:ext uri="{9D8B030D-6E8A-4147-A177-3AD203B41FA5}">
                      <a16:colId xmlns:a16="http://schemas.microsoft.com/office/drawing/2014/main" val="3484530886"/>
                    </a:ext>
                  </a:extLst>
                </a:gridCol>
              </a:tblGrid>
              <a:tr h="208874">
                <a:tc>
                  <a:txBody>
                    <a:bodyPr/>
                    <a:lstStyle/>
                    <a:p>
                      <a:pPr algn="ctr"/>
                      <a:r>
                        <a:rPr lang="en-US" dirty="0" err="1"/>
                        <a:t>US$mm</a:t>
                      </a:r>
                      <a:endParaRPr lang="en-US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/>
                        <a:t>FY18A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/>
                        <a:t>FY19A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/>
                        <a:t>FY20E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130294547"/>
                  </a:ext>
                </a:extLst>
              </a:tr>
              <a:tr h="208874">
                <a:tc>
                  <a:txBody>
                    <a:bodyPr/>
                    <a:lstStyle/>
                    <a:p>
                      <a:pPr algn="l"/>
                      <a:r>
                        <a:rPr lang="en-US" b="1" dirty="0"/>
                        <a:t>Revenue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900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961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071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854848160"/>
                  </a:ext>
                </a:extLst>
              </a:tr>
              <a:tr h="208874">
                <a:tc>
                  <a:txBody>
                    <a:bodyPr/>
                    <a:lstStyle/>
                    <a:p>
                      <a:pPr algn="l"/>
                      <a:r>
                        <a:rPr lang="en-US" dirty="0"/>
                        <a:t>Growth (%, ref = FY18)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endParaRPr lang="en-US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6.78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1.45%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142297201"/>
                  </a:ext>
                </a:extLst>
              </a:tr>
              <a:tr h="208874">
                <a:tc>
                  <a:txBody>
                    <a:bodyPr/>
                    <a:lstStyle/>
                    <a:p>
                      <a:pPr algn="l"/>
                      <a:r>
                        <a:rPr lang="en-US" b="1" dirty="0"/>
                        <a:t>EBITDA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22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250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300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540116385"/>
                  </a:ext>
                </a:extLst>
              </a:tr>
              <a:tr h="208874">
                <a:tc>
                  <a:txBody>
                    <a:bodyPr/>
                    <a:lstStyle/>
                    <a:p>
                      <a:pPr algn="l"/>
                      <a:r>
                        <a:rPr lang="en-US" dirty="0"/>
                        <a:t>Beer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00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10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35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283526213"/>
                  </a:ext>
                </a:extLst>
              </a:tr>
              <a:tr h="208874">
                <a:tc>
                  <a:txBody>
                    <a:bodyPr/>
                    <a:lstStyle/>
                    <a:p>
                      <a:pPr algn="l"/>
                      <a:r>
                        <a:rPr lang="en-US" dirty="0"/>
                        <a:t>Spirits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7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8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05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4110195947"/>
                  </a:ext>
                </a:extLst>
              </a:tr>
              <a:tr h="208874">
                <a:tc>
                  <a:txBody>
                    <a:bodyPr/>
                    <a:lstStyle/>
                    <a:p>
                      <a:pPr algn="l"/>
                      <a:r>
                        <a:rPr lang="en-US" dirty="0"/>
                        <a:t>Non-</a:t>
                      </a:r>
                      <a:r>
                        <a:rPr lang="en-US" dirty="0" err="1"/>
                        <a:t>alcohic</a:t>
                      </a:r>
                      <a:r>
                        <a:rPr lang="en-US" dirty="0"/>
                        <a:t> beverages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50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5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60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4019224062"/>
                  </a:ext>
                </a:extLst>
              </a:tr>
              <a:tr h="334198">
                <a:tc>
                  <a:txBody>
                    <a:bodyPr/>
                    <a:lstStyle/>
                    <a:p>
                      <a:pPr algn="l"/>
                      <a:r>
                        <a:rPr lang="en-US" dirty="0"/>
                        <a:t>EBITDA Margin (%, EBITDA / Revenue)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25.00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26.01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28.01%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934482016"/>
                  </a:ext>
                </a:extLst>
              </a:tr>
              <a:tr h="208874">
                <a:tc>
                  <a:txBody>
                    <a:bodyPr/>
                    <a:lstStyle/>
                    <a:p>
                      <a:pPr algn="l"/>
                      <a:r>
                        <a:rPr lang="en-US" b="1" dirty="0"/>
                        <a:t>NPAT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3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53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93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3252370453"/>
                  </a:ext>
                </a:extLst>
              </a:tr>
              <a:tr h="208874">
                <a:tc>
                  <a:txBody>
                    <a:bodyPr/>
                    <a:lstStyle/>
                    <a:p>
                      <a:pPr algn="l"/>
                      <a:r>
                        <a:rPr lang="en-US" dirty="0"/>
                        <a:t>NPAT Margin (%, NPAT / Revenue) 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5.00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5.92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8.02%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3078665555"/>
                  </a:ext>
                </a:extLst>
              </a:tr>
            </a:tbl>
          </a:graphicData>
        </a:graphic>
      </p:graphicFrame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46AEB71D-91CE-B263-FF25-CDE8F066DBC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224818316"/>
              </p:ext>
            </p:extLst>
          </p:nvPr>
        </p:nvGraphicFramePr>
        <p:xfrm>
          <a:off x="5570855" y="4642030"/>
          <a:ext cx="4254560" cy="181247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035285">
                  <a:extLst>
                    <a:ext uri="{9D8B030D-6E8A-4147-A177-3AD203B41FA5}">
                      <a16:colId xmlns:a16="http://schemas.microsoft.com/office/drawing/2014/main" val="2368247434"/>
                    </a:ext>
                  </a:extLst>
                </a:gridCol>
                <a:gridCol w="759853">
                  <a:extLst>
                    <a:ext uri="{9D8B030D-6E8A-4147-A177-3AD203B41FA5}">
                      <a16:colId xmlns:a16="http://schemas.microsoft.com/office/drawing/2014/main" val="2705667958"/>
                    </a:ext>
                  </a:extLst>
                </a:gridCol>
                <a:gridCol w="727656">
                  <a:extLst>
                    <a:ext uri="{9D8B030D-6E8A-4147-A177-3AD203B41FA5}">
                      <a16:colId xmlns:a16="http://schemas.microsoft.com/office/drawing/2014/main" val="1894829362"/>
                    </a:ext>
                  </a:extLst>
                </a:gridCol>
                <a:gridCol w="731766">
                  <a:extLst>
                    <a:ext uri="{9D8B030D-6E8A-4147-A177-3AD203B41FA5}">
                      <a16:colId xmlns:a16="http://schemas.microsoft.com/office/drawing/2014/main" val="1178696049"/>
                    </a:ext>
                  </a:extLst>
                </a:gridCol>
              </a:tblGrid>
              <a:tr h="506994">
                <a:tc>
                  <a:txBody>
                    <a:bodyPr/>
                    <a:lstStyle/>
                    <a:p>
                      <a:pPr algn="ctr"/>
                      <a:r>
                        <a:rPr lang="en-US" dirty="0" err="1"/>
                        <a:t>US$mm</a:t>
                      </a:r>
                      <a:endParaRPr lang="en-US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12192" marR="0" lvl="0" indent="-9017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/>
                        <a:t>FY18A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12192" marR="0" lvl="0" indent="-9017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/>
                        <a:t>FY19A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12192" marR="0" lvl="0" indent="-9017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/>
                        <a:t>FY20E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388060785"/>
                  </a:ext>
                </a:extLst>
              </a:tr>
              <a:tr h="286978">
                <a:tc>
                  <a:txBody>
                    <a:bodyPr/>
                    <a:lstStyle/>
                    <a:p>
                      <a:r>
                        <a:rPr lang="en-US" dirty="0"/>
                        <a:t>EBITDA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22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250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300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312711676"/>
                  </a:ext>
                </a:extLst>
              </a:tr>
              <a:tr h="286978">
                <a:tc>
                  <a:txBody>
                    <a:bodyPr/>
                    <a:lstStyle/>
                    <a:p>
                      <a:r>
                        <a:rPr lang="en-US" dirty="0"/>
                        <a:t>Growth (%)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endParaRPr lang="en-US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1.11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20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53372313"/>
                  </a:ext>
                </a:extLst>
              </a:tr>
              <a:tr h="286978">
                <a:tc>
                  <a:txBody>
                    <a:bodyPr/>
                    <a:lstStyle/>
                    <a:p>
                      <a:r>
                        <a:rPr lang="en-US" dirty="0"/>
                        <a:t>EBITDA Multiple (EV / EBITDA)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endParaRPr lang="en-US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0.9x – 12.5x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10.0x - 11.5x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837245347"/>
                  </a:ext>
                </a:extLst>
              </a:tr>
              <a:tr h="286978">
                <a:tc>
                  <a:txBody>
                    <a:bodyPr/>
                    <a:lstStyle/>
                    <a:p>
                      <a:r>
                        <a:rPr lang="en-US" dirty="0"/>
                        <a:t>Valuation Range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endParaRPr lang="en-US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2,725 – 3,12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en-US" dirty="0"/>
                        <a:t>3,000 – 3,500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465805956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2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22822145"/>
              </p:ext>
            </p:extLst>
          </p:nvPr>
        </p:nvGraphicFramePr>
        <p:xfrm>
          <a:off x="913379" y="1745511"/>
          <a:ext cx="8861879" cy="4543069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Mar 19,2020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Indicative Bid Phase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aluation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itial analysis based on indicative bid documents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ructure and Financing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art Financing discussion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pprovals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llect required approvals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9am Apr 9, 2020 (HKT)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- 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5pm Apr 9, 2020 (HKT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Q&amp;A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5pm May 13, 2020 (HKT)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May 2020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eginning of Final Bid Phase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Process Letter Two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ite Visit and the Management Present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err="1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Organise</a:t>
                      </a: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visitation and presentation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Due </a:t>
                      </a:r>
                      <a:r>
                        <a:rPr lang="en-US" sz="900" b="0" i="0" u="none" strike="noStrike" cap="none" baseline="0" dirty="0" err="1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Dilligence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nduct the due diligence based on new inform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err="1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Organise</a:t>
                      </a: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the Q&amp;A Submissions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alu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err="1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ise</a:t>
                      </a: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valuation based on the forecasted information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ncing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nfirm the sources for financing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pproval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art preparing applications for internal regulatory approvals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July 2020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 Bid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484</TotalTime>
  <Words>422</Words>
  <Application>Microsoft Office PowerPoint</Application>
  <PresentationFormat>Custom</PresentationFormat>
  <Paragraphs>111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Trần Ái Sa Lê</cp:lastModifiedBy>
  <cp:revision>25</cp:revision>
  <dcterms:created xsi:type="dcterms:W3CDTF">2020-04-17T12:29:06Z</dcterms:created>
  <dcterms:modified xsi:type="dcterms:W3CDTF">2023-11-06T09:04:58Z</dcterms:modified>
</cp:coreProperties>
</file>